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5BFA6A8E" w14:textId="77777777" w:rsidR="00FD7552" w:rsidRDefault="00FD7552" w:rsidP="00FD7552">
      <w:pPr>
        <w:rPr>
          <w:rFonts w:ascii="Avenir" w:eastAsia="Avenir" w:hAnsi="Avenir" w:cs="Avenir"/>
          <w:b/>
          <w:i/>
          <w:color w:val="FF0000"/>
        </w:rPr>
      </w:pPr>
    </w:p>
    <w:p w14:paraId="30D6BCC1" w14:textId="77777777" w:rsidR="00FD7552" w:rsidRDefault="00FD7552" w:rsidP="00FD7552">
      <w:pPr>
        <w:jc w:val="right"/>
        <w:rPr>
          <w:rFonts w:ascii="Avenir" w:eastAsia="Avenir" w:hAnsi="Avenir" w:cs="Avenir"/>
        </w:rPr>
      </w:pPr>
      <w:r>
        <w:rPr>
          <w:noProof/>
        </w:rPr>
        <w:drawing>
          <wp:anchor distT="114300" distB="114300" distL="114300" distR="114300" simplePos="0" relativeHeight="251659264" behindDoc="0" locked="0" layoutInCell="1" hidden="0" allowOverlap="1" wp14:anchorId="1EE40FE0" wp14:editId="2E41B7DA">
            <wp:simplePos x="0" y="0"/>
            <wp:positionH relativeFrom="column">
              <wp:posOffset>-85724</wp:posOffset>
            </wp:positionH>
            <wp:positionV relativeFrom="paragraph">
              <wp:posOffset>152400</wp:posOffset>
            </wp:positionV>
            <wp:extent cx="2224088" cy="1159703"/>
            <wp:effectExtent l="0" t="0" r="0" b="0"/>
            <wp:wrapSquare wrapText="bothSides" distT="114300" distB="114300" distL="114300" distR="114300"/>
            <wp:docPr id="5" name="image1.png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1.png"/>
                    <pic:cNvPicPr preferRelativeResize="0"/>
                  </pic:nvPicPr>
                  <pic:blipFill>
                    <a:blip r:embed="rId7"/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2224088" cy="1159703"/>
                    </a:xfrm>
                    <a:prstGeom prst="rect">
                      <a:avLst/>
                    </a:prstGeom>
                    <a:ln/>
                  </pic:spPr>
                </pic:pic>
              </a:graphicData>
            </a:graphic>
          </wp:anchor>
        </w:drawing>
      </w:r>
    </w:p>
    <w:p w14:paraId="026552B7" w14:textId="77777777" w:rsidR="00FD388A" w:rsidRPr="00FD388A" w:rsidRDefault="00FD388A" w:rsidP="00FD388A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proofErr w:type="spellStart"/>
      <w:r w:rsidRPr="00FD388A">
        <w:rPr>
          <w:rFonts w:ascii="Avenir LT Std 35 Light" w:eastAsia="Avenir" w:hAnsi="Avenir LT Std 35 Light" w:cs="Avenir"/>
          <w:sz w:val="16"/>
          <w:szCs w:val="16"/>
        </w:rPr>
        <w:t>Foodpanda</w:t>
      </w:r>
      <w:proofErr w:type="spellEnd"/>
      <w:r w:rsidRPr="00FD388A">
        <w:rPr>
          <w:rFonts w:ascii="Avenir LT Std 35 Light" w:eastAsia="Avenir" w:hAnsi="Avenir LT Std 35 Light" w:cs="Avenir"/>
          <w:sz w:val="16"/>
          <w:szCs w:val="16"/>
        </w:rPr>
        <w:t xml:space="preserve"> Malaysia </w:t>
      </w:r>
      <w:proofErr w:type="spellStart"/>
      <w:r w:rsidRPr="00FD388A">
        <w:rPr>
          <w:rFonts w:ascii="Avenir LT Std 35 Light" w:eastAsia="Avenir" w:hAnsi="Avenir LT Std 35 Light" w:cs="Avenir"/>
          <w:sz w:val="16"/>
          <w:szCs w:val="16"/>
        </w:rPr>
        <w:t>Sdn</w:t>
      </w:r>
      <w:proofErr w:type="spellEnd"/>
      <w:r w:rsidRPr="00FD388A">
        <w:rPr>
          <w:rFonts w:ascii="Avenir LT Std 35 Light" w:eastAsia="Avenir" w:hAnsi="Avenir LT Std 35 Light" w:cs="Avenir"/>
          <w:sz w:val="16"/>
          <w:szCs w:val="16"/>
        </w:rPr>
        <w:t xml:space="preserve"> Bhd.</w:t>
      </w:r>
    </w:p>
    <w:p w14:paraId="0422F832" w14:textId="77777777" w:rsidR="00FD388A" w:rsidRPr="00FD388A" w:rsidRDefault="00FD388A" w:rsidP="00FD388A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FD388A">
        <w:rPr>
          <w:rFonts w:ascii="Avenir LT Std 35 Light" w:eastAsia="Avenir" w:hAnsi="Avenir LT Std 35 Light" w:cs="Avenir"/>
          <w:sz w:val="16"/>
          <w:szCs w:val="16"/>
        </w:rPr>
        <w:t xml:space="preserve">B-3A-7, Level 3A, Block B, Southgate Commercial Centre No. 2, Jalan </w:t>
      </w:r>
      <w:proofErr w:type="spellStart"/>
      <w:r w:rsidRPr="00FD388A">
        <w:rPr>
          <w:rFonts w:ascii="Avenir LT Std 35 Light" w:eastAsia="Avenir" w:hAnsi="Avenir LT Std 35 Light" w:cs="Avenir"/>
          <w:sz w:val="16"/>
          <w:szCs w:val="16"/>
        </w:rPr>
        <w:t>Dua</w:t>
      </w:r>
      <w:proofErr w:type="spellEnd"/>
      <w:r w:rsidRPr="00FD388A">
        <w:rPr>
          <w:rFonts w:ascii="Avenir LT Std 35 Light" w:eastAsia="Avenir" w:hAnsi="Avenir LT Std 35 Light" w:cs="Avenir"/>
          <w:sz w:val="16"/>
          <w:szCs w:val="16"/>
        </w:rPr>
        <w:t xml:space="preserve"> Off Jalan Chan Sow Lin, 55200 Kuala Lumpur</w:t>
      </w:r>
    </w:p>
    <w:p w14:paraId="4C98551B" w14:textId="77777777" w:rsidR="00FD388A" w:rsidRPr="00FD388A" w:rsidRDefault="00FD388A" w:rsidP="00FD388A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FD388A">
        <w:rPr>
          <w:rFonts w:ascii="Avenir LT Std 35 Light" w:eastAsia="Avenir" w:hAnsi="Avenir LT Std 35 Light" w:cs="Avenir"/>
          <w:sz w:val="16"/>
          <w:szCs w:val="16"/>
        </w:rPr>
        <w:t>Company Registration No.: 989567 W</w:t>
      </w:r>
    </w:p>
    <w:p w14:paraId="1A984219" w14:textId="0B05CD76" w:rsidR="00FD7552" w:rsidRPr="00C13846" w:rsidRDefault="00FD388A" w:rsidP="00FD388A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FD388A">
        <w:rPr>
          <w:rFonts w:ascii="Avenir LT Std 35 Light" w:eastAsia="Avenir" w:hAnsi="Avenir LT Std 35 Light" w:cs="Avenir"/>
          <w:sz w:val="16"/>
          <w:szCs w:val="16"/>
        </w:rPr>
        <w:t>SST I.D: W10-1808-31001268</w:t>
      </w:r>
    </w:p>
    <w:p w14:paraId="5E2C885B" w14:textId="77777777" w:rsidR="00FD7552" w:rsidRPr="00C13846" w:rsidRDefault="00FD7552" w:rsidP="00FD7552">
      <w:pPr>
        <w:jc w:val="right"/>
        <w:rPr>
          <w:rFonts w:ascii="Avenir LT Std 35 Light" w:eastAsia="Avenir" w:hAnsi="Avenir LT Std 35 Light" w:cs="Avenir"/>
        </w:rPr>
      </w:pPr>
      <w:r w:rsidRPr="00C13846">
        <w:rPr>
          <w:rFonts w:ascii="Avenir LT Std 35 Light" w:eastAsia="Avenir" w:hAnsi="Avenir LT Std 35 Light" w:cs="Avenir"/>
        </w:rPr>
        <w:t xml:space="preserve"> </w:t>
      </w:r>
    </w:p>
    <w:p w14:paraId="6D77EBA4" w14:textId="77777777" w:rsidR="00FD7552" w:rsidRPr="00C13846" w:rsidRDefault="00FD7552" w:rsidP="00FD7552">
      <w:pPr>
        <w:rPr>
          <w:rFonts w:ascii="Avenir LT Std 35 Light" w:eastAsia="Avenir" w:hAnsi="Avenir LT Std 35 Light" w:cs="Avenir"/>
        </w:rPr>
      </w:pPr>
    </w:p>
    <w:p w14:paraId="22FC230B" w14:textId="77777777" w:rsidR="00EE496F" w:rsidRDefault="00EE496F" w:rsidP="00EE496F">
      <w:pPr>
        <w:rPr>
          <w:rFonts w:ascii="Avenir LT Std 35 Light" w:eastAsia="Avenir" w:hAnsi="Avenir LT Std 35 Light" w:cs="Avenir"/>
          <w:b/>
        </w:rPr>
      </w:pPr>
    </w:p>
    <w:p w14:paraId="752B93DE" w14:textId="77777777" w:rsidR="00EE496F" w:rsidRDefault="00EE496F" w:rsidP="00EE496F">
      <w:pPr>
        <w:rPr>
          <w:rFonts w:ascii="Avenir LT Std 35 Light" w:eastAsia="Avenir" w:hAnsi="Avenir LT Std 35 Light" w:cs="Avenir"/>
          <w:b/>
        </w:rPr>
      </w:pPr>
    </w:p>
    <w:p w14:paraId="57504D9E" w14:textId="61BEF0DF" w:rsidR="00FD7552" w:rsidRPr="00C13846" w:rsidRDefault="00FD7552" w:rsidP="00EE496F">
      <w:pPr>
        <w:jc w:val="center"/>
        <w:rPr>
          <w:rFonts w:ascii="Avenir LT Std 35 Light" w:eastAsia="Avenir" w:hAnsi="Avenir LT Std 35 Light" w:cs="Avenir"/>
          <w:b/>
        </w:rPr>
      </w:pPr>
      <w:r w:rsidRPr="00C13846">
        <w:rPr>
          <w:rFonts w:ascii="Avenir LT Std 35 Light" w:eastAsia="Avenir" w:hAnsi="Avenir LT Std 35 Light" w:cs="Avenir"/>
          <w:b/>
        </w:rPr>
        <w:t>Contract Amendment</w:t>
      </w:r>
    </w:p>
    <w:p w14:paraId="3EBE9657" w14:textId="77777777" w:rsidR="00FD7552" w:rsidRPr="00C13846" w:rsidRDefault="00FD7552" w:rsidP="00FD7552">
      <w:pPr>
        <w:jc w:val="center"/>
        <w:rPr>
          <w:rFonts w:ascii="Avenir LT Std 35 Light" w:eastAsia="Avenir" w:hAnsi="Avenir LT Std 35 Light" w:cs="Avenir"/>
          <w:b/>
          <w:sz w:val="28"/>
          <w:szCs w:val="28"/>
        </w:rPr>
      </w:pPr>
    </w:p>
    <w:p w14:paraId="309A6FAF" w14:textId="77777777" w:rsidR="00FD7552" w:rsidRPr="00C13846" w:rsidRDefault="00FD7552" w:rsidP="00FD7552">
      <w:pPr>
        <w:rPr>
          <w:rFonts w:ascii="Avenir LT Std 35 Light" w:eastAsia="Avenir" w:hAnsi="Avenir LT Std 35 Light" w:cs="Avenir"/>
          <w:b/>
          <w:sz w:val="28"/>
          <w:szCs w:val="28"/>
        </w:rPr>
      </w:pPr>
    </w:p>
    <w:p w14:paraId="76D649E1" w14:textId="77777777" w:rsidR="009F5CDE" w:rsidRPr="009D3F39" w:rsidRDefault="009F5CDE" w:rsidP="009F5CDE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9D3F39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9D3F39">
        <w:rPr>
          <w:rFonts w:ascii="Avenir LT Std 35 Light" w:eastAsia="Avenir" w:hAnsi="Avenir LT Std 35 Light" w:cs="Avenir"/>
          <w:sz w:val="16"/>
          <w:szCs w:val="16"/>
        </w:rPr>
        <w:t>Id_OpportunityOwner_FullName</w:t>
      </w:r>
      <w:proofErr w:type="spellEnd"/>
      <w:r w:rsidRPr="009D3F39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15DD3F0B" w14:textId="77777777" w:rsidR="009F5CDE" w:rsidRPr="009D3F39" w:rsidRDefault="009F5CDE" w:rsidP="009F5CDE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9D3F39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9D3F39">
        <w:rPr>
          <w:rFonts w:ascii="Avenir LT Std 35 Light" w:eastAsia="Avenir" w:hAnsi="Avenir LT Std 35 Light" w:cs="Avenir"/>
          <w:sz w:val="16"/>
          <w:szCs w:val="16"/>
        </w:rPr>
        <w:t>Id_OpportunityOwner_Email</w:t>
      </w:r>
      <w:proofErr w:type="spellEnd"/>
      <w:r w:rsidRPr="009D3F39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63C837AD" w14:textId="77777777" w:rsidR="009F5CDE" w:rsidRPr="009D3F39" w:rsidRDefault="009F5CDE" w:rsidP="009F5CDE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9D3F39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9D3F39">
        <w:rPr>
          <w:rFonts w:ascii="Avenir LT Std 35 Light" w:eastAsia="Avenir" w:hAnsi="Avenir LT Std 35 Light" w:cs="Avenir"/>
          <w:sz w:val="16"/>
          <w:szCs w:val="16"/>
        </w:rPr>
        <w:t>Opportunity_Quote_CreatedDate</w:t>
      </w:r>
      <w:proofErr w:type="spellEnd"/>
      <w:r w:rsidRPr="009D3F39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6E3292E0" w14:textId="77777777" w:rsidR="00FD7552" w:rsidRPr="009D3F39" w:rsidRDefault="00FD7552" w:rsidP="00FD7552">
      <w:pPr>
        <w:jc w:val="right"/>
        <w:rPr>
          <w:rFonts w:ascii="Avenir LT Std 35 Light" w:eastAsia="Avenir" w:hAnsi="Avenir LT Std 35 Light" w:cs="Avenir"/>
          <w:b/>
          <w:color w:val="0000FF"/>
          <w:sz w:val="16"/>
          <w:szCs w:val="16"/>
        </w:rPr>
      </w:pPr>
    </w:p>
    <w:p w14:paraId="25398BC5" w14:textId="77777777" w:rsidR="00FD7552" w:rsidRPr="009D3F39" w:rsidRDefault="00FD7552" w:rsidP="00FD7552">
      <w:pPr>
        <w:jc w:val="right"/>
        <w:rPr>
          <w:rFonts w:ascii="Avenir LT Std 35 Light" w:eastAsia="Avenir" w:hAnsi="Avenir LT Std 35 Light" w:cs="Avenir"/>
          <w:b/>
          <w:color w:val="0000FF"/>
          <w:sz w:val="16"/>
          <w:szCs w:val="16"/>
        </w:rPr>
      </w:pPr>
    </w:p>
    <w:p w14:paraId="2BB3D544" w14:textId="77777777" w:rsidR="00FD7552" w:rsidRPr="009D3F39" w:rsidRDefault="00FD7552" w:rsidP="00FD7552">
      <w:pPr>
        <w:jc w:val="right"/>
        <w:rPr>
          <w:rFonts w:ascii="Avenir LT Std 35 Light" w:eastAsia="Avenir" w:hAnsi="Avenir LT Std 35 Light" w:cs="Avenir"/>
          <w:b/>
          <w:color w:val="0000FF"/>
          <w:sz w:val="16"/>
          <w:szCs w:val="16"/>
        </w:rPr>
      </w:pPr>
    </w:p>
    <w:p w14:paraId="2D095D3B" w14:textId="77777777" w:rsidR="00FD7552" w:rsidRPr="009D3F39" w:rsidRDefault="00FD7552" w:rsidP="00FD7552">
      <w:pPr>
        <w:jc w:val="right"/>
        <w:rPr>
          <w:rFonts w:ascii="Avenir LT Std 35 Light" w:eastAsia="Avenir" w:hAnsi="Avenir LT Std 35 Light" w:cs="Avenir"/>
          <w:b/>
          <w:color w:val="0000FF"/>
          <w:sz w:val="16"/>
          <w:szCs w:val="16"/>
        </w:rPr>
      </w:pPr>
    </w:p>
    <w:p w14:paraId="53CB9AE5" w14:textId="3E50F804" w:rsidR="00FD7552" w:rsidRDefault="00EE496F" w:rsidP="00FD7552">
      <w:pPr>
        <w:rPr>
          <w:rFonts w:ascii="Avenir LT Std 35 Light" w:eastAsia="Avenir" w:hAnsi="Avenir LT Std 35 Light" w:cs="Avenir"/>
          <w:b/>
          <w:sz w:val="16"/>
          <w:szCs w:val="16"/>
        </w:rPr>
      </w:pPr>
      <w:r w:rsidRPr="00EE496F">
        <w:rPr>
          <w:rFonts w:ascii="Avenir LT Std 35 Light" w:eastAsia="Avenir" w:hAnsi="Avenir LT Std 35 Light" w:cs="Avenir"/>
          <w:b/>
          <w:sz w:val="16"/>
          <w:szCs w:val="16"/>
        </w:rPr>
        <w:t>The Vendor has read and agreed to the terms set out in this Vendor Registration Form and the Terms and Conditions set out in the attachment below as follows:</w:t>
      </w:r>
    </w:p>
    <w:p w14:paraId="43477DF4" w14:textId="77777777" w:rsidR="00EE496F" w:rsidRPr="009D3F39" w:rsidRDefault="00EE496F" w:rsidP="00FD7552">
      <w:pPr>
        <w:rPr>
          <w:rFonts w:ascii="Avenir LT Std 35 Light" w:eastAsia="Avenir" w:hAnsi="Avenir LT Std 35 Light" w:cs="Avenir"/>
          <w:b/>
          <w:sz w:val="16"/>
          <w:szCs w:val="16"/>
        </w:rPr>
      </w:pPr>
    </w:p>
    <w:p w14:paraId="45021696" w14:textId="7361648F" w:rsidR="00FD7552" w:rsidRPr="007B1A90" w:rsidRDefault="007B1A90" w:rsidP="007B1A90">
      <w:pPr>
        <w:pStyle w:val="NoSpacing"/>
        <w:rPr>
          <w:rFonts w:ascii="Avenir LT Std 35 Light" w:hAnsi="Avenir LT Std 35 Light"/>
          <w:b/>
          <w:sz w:val="16"/>
          <w:szCs w:val="16"/>
        </w:rPr>
      </w:pPr>
      <w:r w:rsidRPr="007B1A90">
        <w:rPr>
          <w:rFonts w:ascii="Avenir LT Std 35 Light" w:hAnsi="Avenir LT Std 35 Light"/>
          <w:b/>
          <w:sz w:val="16"/>
          <w:szCs w:val="16"/>
        </w:rPr>
        <w:t xml:space="preserve">1. </w:t>
      </w:r>
      <w:r w:rsidR="00FD7552" w:rsidRPr="007B1A90">
        <w:rPr>
          <w:rFonts w:ascii="Avenir LT Std 35 Light" w:hAnsi="Avenir LT Std 35 Light"/>
          <w:b/>
          <w:sz w:val="16"/>
          <w:szCs w:val="16"/>
        </w:rPr>
        <w:t xml:space="preserve">Vendor Information </w:t>
      </w:r>
    </w:p>
    <w:tbl>
      <w:tblPr>
        <w:tblW w:w="5000" w:type="pct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ook w:val="0600" w:firstRow="0" w:lastRow="0" w:firstColumn="0" w:lastColumn="0" w:noHBand="1" w:noVBand="1"/>
      </w:tblPr>
      <w:tblGrid>
        <w:gridCol w:w="4566"/>
        <w:gridCol w:w="4486"/>
      </w:tblGrid>
      <w:tr w:rsidR="00FD7552" w:rsidRPr="009D3F39" w14:paraId="07DB1B66" w14:textId="77777777" w:rsidTr="001B1FB9">
        <w:tc>
          <w:tcPr>
            <w:tcW w:w="2522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C2958B2" w14:textId="77777777" w:rsidR="00FD7552" w:rsidRPr="009D3F39" w:rsidRDefault="00FD7552" w:rsidP="007D4A18">
            <w:pPr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contact details</w:t>
            </w:r>
          </w:p>
        </w:tc>
        <w:tc>
          <w:tcPr>
            <w:tcW w:w="2478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93CAD8F" w14:textId="77777777" w:rsidR="00FD7552" w:rsidRPr="009D3F39" w:rsidRDefault="00FD7552" w:rsidP="007D4A18">
            <w:pPr>
              <w:ind w:right="-2385"/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Invoice details</w:t>
            </w:r>
          </w:p>
        </w:tc>
      </w:tr>
      <w:tr w:rsidR="00FD7552" w:rsidRPr="009D3F39" w14:paraId="7E14C9A8" w14:textId="77777777" w:rsidTr="001B1FB9">
        <w:trPr>
          <w:trHeight w:val="1940"/>
        </w:trPr>
        <w:tc>
          <w:tcPr>
            <w:tcW w:w="2522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C34003C" w14:textId="77777777" w:rsidR="002E15E0" w:rsidRPr="00A94170" w:rsidRDefault="00FD7552" w:rsidP="002E15E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Account Name 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Legal_Nam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, 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Nam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br/>
            </w:r>
            <w:r w:rsidR="002E15E0" w:rsidRPr="005D419F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Local Account Name </w:t>
            </w:r>
            <w:r w:rsidR="002E15E0"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2E15E0"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Translated_Account_Name</w:t>
            </w:r>
            <w:proofErr w:type="spellEnd"/>
            <w:r w:rsidR="002E15E0"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2E15E0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  <w:t xml:space="preserve">Registered Office Address </w:t>
            </w:r>
            <w:r w:rsidR="002E15E0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2E15E0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restaurantAddressValues_AddressLine</w:t>
            </w:r>
            <w:proofErr w:type="spellEnd"/>
            <w:r w:rsidR="002E15E0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1F9F8D5" w14:textId="77777777" w:rsidR="002E15E0" w:rsidRPr="00A94170" w:rsidRDefault="002E15E0" w:rsidP="002E15E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2A2745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Business Registration Number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Company_Number</w:t>
            </w:r>
            <w:proofErr w:type="spellEnd"/>
            <w:r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6CF2C460" w14:textId="46D172F5" w:rsidR="009F5CDE" w:rsidRPr="009D3F39" w:rsidRDefault="009F5CDE" w:rsidP="009F5CDE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Representative Name 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Salutation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firstnam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lastnam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8648EB0" w14:textId="77777777" w:rsidR="009F5CDE" w:rsidRPr="009D3F39" w:rsidRDefault="009F5CDE" w:rsidP="009F5CDE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Phon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04C2BA80" w14:textId="77777777" w:rsidR="009F5CDE" w:rsidRPr="009D3F39" w:rsidRDefault="009F5CDE" w:rsidP="009F5CDE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Mobilephon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0D0474EE" w14:textId="3D797BB2" w:rsidR="00FD7552" w:rsidRPr="009D3F39" w:rsidRDefault="009F5CDE" w:rsidP="009F5CDE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Email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2478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F06853B" w14:textId="22F0C0E4" w:rsidR="00FD7552" w:rsidRPr="009D3F39" w:rsidRDefault="00FD7552" w:rsidP="007D4A18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Name 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Salutation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firstnam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lastnam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832202B" w14:textId="60ACE966" w:rsidR="00FD7552" w:rsidRPr="009D3F39" w:rsidRDefault="00FD7552" w:rsidP="007D4A18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Phon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7608F5A6" w14:textId="6D16DD18" w:rsidR="00FD7552" w:rsidRPr="009D3F39" w:rsidRDefault="00FD7552" w:rsidP="007D4A18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Mobilephon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91DCBCE" w14:textId="1F4E5C2F" w:rsidR="00FD7552" w:rsidRPr="009D3F39" w:rsidRDefault="00FD7552" w:rsidP="007D4A18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Email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769219D3" w14:textId="3BAC0A8D" w:rsidR="009F5CDE" w:rsidRPr="009D3F39" w:rsidRDefault="009F5CDE" w:rsidP="009F5CDE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illing Address </w:t>
            </w:r>
            <w:r w:rsidR="00402FDF" w:rsidRPr="00402FDF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402FDF" w:rsidRPr="00402FDF">
              <w:rPr>
                <w:rFonts w:ascii="Avenir LT Std 35 Light" w:eastAsia="Avenir" w:hAnsi="Avenir LT Std 35 Light" w:cs="Avenir"/>
                <w:sz w:val="16"/>
                <w:szCs w:val="16"/>
              </w:rPr>
              <w:t>billingAddressFromApex_AddressLine</w:t>
            </w:r>
            <w:proofErr w:type="spellEnd"/>
            <w:r w:rsidR="00402FDF" w:rsidRPr="00402FDF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5DF5AAB6" w14:textId="09E1E2E1" w:rsidR="009F5CDE" w:rsidRPr="009D3F39" w:rsidRDefault="009F5CDE" w:rsidP="009F5CDE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Bank Account Owner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D97710" w:rsidRPr="00D9771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D97710" w:rsidRPr="00D97710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Owner</w:t>
            </w:r>
            <w:proofErr w:type="spellEnd"/>
            <w:r w:rsidR="00D97710" w:rsidRPr="00D9771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4A2FA16" w14:textId="1F30540C" w:rsidR="009F5CDE" w:rsidRPr="009D3F39" w:rsidRDefault="009F5CDE" w:rsidP="009F5CDE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ank Name </w:t>
            </w:r>
            <w:r w:rsidR="001B1FB9" w:rsidRPr="001B1FB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1FB9" w:rsidRPr="001B1FB9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Name</w:t>
            </w:r>
            <w:proofErr w:type="spellEnd"/>
            <w:r w:rsidR="001B1FB9" w:rsidRPr="001B1FB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  <w:t xml:space="preserve">Bank Account Number </w:t>
            </w:r>
            <w:r w:rsidR="00782660" w:rsidRPr="007826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782660" w:rsidRPr="00782660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Number</w:t>
            </w:r>
            <w:proofErr w:type="spellEnd"/>
            <w:r w:rsidR="00782660" w:rsidRPr="007826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1D6A939" w14:textId="75C4EB17" w:rsidR="00FD7552" w:rsidRDefault="009F5CDE" w:rsidP="007D4A18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Invoice Frequency 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Invoice_Frequency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1E7BD2C2" w14:textId="0F512AA1" w:rsidR="00EE496F" w:rsidRDefault="00EE496F" w:rsidP="007D4A18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b/>
                <w:bCs/>
                <w:sz w:val="16"/>
                <w:szCs w:val="16"/>
              </w:rPr>
              <w:t>GST Registration Number</w:t>
            </w: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Tax_Number</w:t>
            </w:r>
            <w:proofErr w:type="spellEnd"/>
            <w:r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2443793" w14:textId="28B7E4F1" w:rsidR="00EE496F" w:rsidRPr="00065D0E" w:rsidRDefault="00EE496F" w:rsidP="007D4A18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</w:tr>
    </w:tbl>
    <w:p w14:paraId="35FEA8A4" w14:textId="77777777" w:rsidR="003248FC" w:rsidRDefault="003248FC" w:rsidP="003248FC">
      <w:pPr>
        <w:rPr>
          <w:rFonts w:ascii="Avenir LT Std 35 Light" w:hAnsi="Avenir LT Std 35 Light"/>
          <w:b/>
          <w:sz w:val="16"/>
          <w:szCs w:val="16"/>
        </w:rPr>
      </w:pPr>
      <w:bookmarkStart w:id="0" w:name="_rpi4z6hry42n" w:colFirst="0" w:colLast="0"/>
      <w:bookmarkEnd w:id="0"/>
      <w:r w:rsidRPr="00A94170">
        <w:rPr>
          <w:rFonts w:ascii="Avenir LT Std 35 Light" w:hAnsi="Avenir LT Std 35 Light"/>
          <w:b/>
          <w:sz w:val="16"/>
          <w:szCs w:val="16"/>
        </w:rPr>
        <w:t xml:space="preserve">2. Commercial Terms </w:t>
      </w:r>
    </w:p>
    <w:tbl>
      <w:tblPr>
        <w:tblW w:w="5000" w:type="pct"/>
        <w:tblLook w:val="0400" w:firstRow="0" w:lastRow="0" w:firstColumn="0" w:lastColumn="0" w:noHBand="0" w:noVBand="1"/>
      </w:tblPr>
      <w:tblGrid>
        <w:gridCol w:w="3143"/>
        <w:gridCol w:w="382"/>
        <w:gridCol w:w="305"/>
        <w:gridCol w:w="591"/>
        <w:gridCol w:w="2327"/>
        <w:gridCol w:w="2304"/>
      </w:tblGrid>
      <w:tr w:rsidR="00910941" w14:paraId="692DA661" w14:textId="77777777" w:rsidTr="00910941">
        <w:tc>
          <w:tcPr>
            <w:tcW w:w="111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28D9109B" w14:textId="77777777" w:rsidR="00910941" w:rsidRDefault="00910941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Commercial Terms</w:t>
            </w:r>
          </w:p>
        </w:tc>
        <w:tc>
          <w:tcPr>
            <w:tcW w:w="8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2A5EDF81" w14:textId="77777777" w:rsidR="00910941" w:rsidRDefault="00910941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From</w:t>
            </w:r>
          </w:p>
        </w:tc>
        <w:tc>
          <w:tcPr>
            <w:tcW w:w="93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hideMark/>
          </w:tcPr>
          <w:p w14:paraId="14B11F7F" w14:textId="77777777" w:rsidR="00910941" w:rsidRDefault="00910941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To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hideMark/>
          </w:tcPr>
          <w:p w14:paraId="6A12177D" w14:textId="77777777" w:rsidR="00910941" w:rsidRDefault="00910941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Agency Fees</w:t>
            </w:r>
          </w:p>
          <w:p w14:paraId="531BF3C5" w14:textId="77777777" w:rsidR="00910941" w:rsidRDefault="00910941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(calculate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lastRenderedPageBreak/>
              <w:t>d as a % of Vendor Revenue)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263B2D7" w14:textId="77777777" w:rsidR="00910941" w:rsidRDefault="00910941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lastRenderedPageBreak/>
              <w:t>Start Date</w:t>
            </w:r>
          </w:p>
        </w:tc>
        <w:tc>
          <w:tcPr>
            <w:tcW w:w="69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5D0DFFB" w14:textId="77777777" w:rsidR="00910941" w:rsidRDefault="00910941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End Date</w:t>
            </w:r>
          </w:p>
        </w:tc>
      </w:tr>
      <w:tr w:rsidR="00910941" w:rsidRPr="00910941" w14:paraId="0BAA8C67" w14:textId="77777777" w:rsidTr="00910941">
        <w:trPr>
          <w:trHeight w:val="460"/>
        </w:trPr>
        <w:tc>
          <w:tcPr>
            <w:tcW w:w="111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1754BD5E" w14:textId="77777777" w:rsidR="00910941" w:rsidRDefault="00910941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tiersSoql_Start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 &lt;&lt;tiersSoql.Id_Opportunity_Quote_Line_Item.Id_List_Service_Price_Displayed_Name&gt;&gt;</w:t>
            </w:r>
          </w:p>
        </w:tc>
        <w:tc>
          <w:tcPr>
            <w:tcW w:w="8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28F188BB" w14:textId="77777777" w:rsidR="00910941" w:rsidRDefault="00910941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IF "&lt;&lt;tiersSoql.Id_Opportunity_Quote_Line_Item_Based_On&gt;&gt;" = "Monetary Amounts" "RM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MERG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instrText xml:space="preserve">EFIELD &lt;&lt;tiersSoql_Min&gt;&gt; \# 0.0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  <w:lang w:eastAsia="en-US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MERGEFIELD &lt;&lt;tiersSoql_Min&gt;&gt; \# 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  <w:lang w:eastAsia="en-US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</w:p>
        </w:tc>
        <w:tc>
          <w:tcPr>
            <w:tcW w:w="93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hideMark/>
          </w:tcPr>
          <w:p w14:paraId="55172FA5" w14:textId="77777777" w:rsidR="00910941" w:rsidRDefault="00910941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IF "&lt;&lt;tiersSoql.Id_Opportunity_Quote_Line_Item_Based_On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instrText>" = "Monetary Amounts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IF "&lt;&lt;tiersSoql_Max&gt;&gt;" = "" "</w:instrText>
            </w:r>
            <w:r>
              <w:rPr>
                <w:rFonts w:ascii="Avenir LT Std 35 Light" w:eastAsia="Avenir" w:hAnsi="Avenir LT Std 35 Light" w:cs="Avenir"/>
                <w:sz w:val="32"/>
                <w:szCs w:val="32"/>
                <w:lang w:eastAsia="en-US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>" "RM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MERGEFIELD &l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instrText xml:space="preserve">&lt;tiersSoql_Max&gt;&gt; \# 0.0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  <w:lang w:eastAsia="en-US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IF "&lt;&lt;tiersSoql_Max&gt;&gt;" =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instrText>" "</w:instrText>
            </w:r>
            <w:r>
              <w:rPr>
                <w:rFonts w:ascii="Avenir LT Std 35 Light" w:eastAsia="Avenir" w:hAnsi="Avenir LT Std 35 Light" w:cs="Avenir"/>
                <w:sz w:val="32"/>
                <w:szCs w:val="32"/>
                <w:lang w:eastAsia="en-US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MERGEFIELD &lt;&lt;tiersSoql_Max&gt;&gt; \# 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  <w:lang w:eastAsia="en-US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>" \* MERGEFOR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instrText xml:space="preserve">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hideMark/>
          </w:tcPr>
          <w:p w14:paraId="758BB23E" w14:textId="77777777" w:rsidR="00910941" w:rsidRDefault="00910941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MERGEFIELD &lt;&lt;tiersSoql_Commission_in_percentage&gt;&gt; \# 0.00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%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0B41E48B" w14:textId="77777777" w:rsidR="00910941" w:rsidRDefault="00910941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tiersSoql.Id_Opportunity_Quote_Line_Item_Start_Date__s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  <w:tc>
          <w:tcPr>
            <w:tcW w:w="69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9E97140" w14:textId="77777777" w:rsidR="00910941" w:rsidRDefault="00910941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tiersSoql.Id_Opportunity_Quote_Line_Item_End_Date__s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</w:tr>
    </w:tbl>
    <w:p w14:paraId="74E7E221" w14:textId="77777777" w:rsidR="003248FC" w:rsidRPr="00910941" w:rsidRDefault="003248FC" w:rsidP="003248FC">
      <w:pPr>
        <w:rPr>
          <w:rFonts w:ascii="Avenir LT Std 35 Light" w:hAnsi="Avenir LT Std 35 Light"/>
          <w:b/>
          <w:sz w:val="16"/>
          <w:szCs w:val="16"/>
          <w:lang w:val="en-US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3675"/>
        <w:gridCol w:w="834"/>
        <w:gridCol w:w="2291"/>
        <w:gridCol w:w="2252"/>
      </w:tblGrid>
      <w:tr w:rsidR="00C42388" w:rsidRPr="00A94170" w14:paraId="31BB0379" w14:textId="77777777" w:rsidTr="00CC1D65">
        <w:tc>
          <w:tcPr>
            <w:tcW w:w="10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F295354" w14:textId="77777777" w:rsidR="00C42388" w:rsidRPr="00A94170" w:rsidRDefault="00C42388" w:rsidP="00CB1DAD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bookmarkStart w:id="1" w:name="_6xhv0o8sempj" w:colFirst="0" w:colLast="0"/>
            <w:bookmarkEnd w:id="1"/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Commercial Terms</w:t>
            </w:r>
          </w:p>
        </w:tc>
        <w:tc>
          <w:tcPr>
            <w:tcW w:w="16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F6EAE94" w14:textId="77777777" w:rsidR="00C42388" w:rsidRPr="00A94170" w:rsidRDefault="00C42388" w:rsidP="00CB1DAD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Agency Fees</w:t>
            </w:r>
          </w:p>
          <w:p w14:paraId="042C67B8" w14:textId="77777777" w:rsidR="00C42388" w:rsidRPr="00A94170" w:rsidRDefault="00C42388" w:rsidP="00CB1DAD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(calculated as a % of Vendor Revenue)</w:t>
            </w:r>
          </w:p>
        </w:tc>
        <w:tc>
          <w:tcPr>
            <w:tcW w:w="116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693AC60" w14:textId="77777777" w:rsidR="00C42388" w:rsidRPr="00A94170" w:rsidRDefault="00C42388" w:rsidP="00CB1DAD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113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A48B0FF" w14:textId="77777777" w:rsidR="00C42388" w:rsidRPr="00A94170" w:rsidRDefault="00C42388" w:rsidP="00CB1DAD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</w:tr>
      <w:tr w:rsidR="00C42388" w:rsidRPr="00A94170" w14:paraId="4701DC19" w14:textId="77777777" w:rsidTr="00CC1D65">
        <w:trPr>
          <w:trHeight w:val="460"/>
        </w:trPr>
        <w:tc>
          <w:tcPr>
            <w:tcW w:w="10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E8114D1" w14:textId="678ED6F1" w:rsidR="00C42388" w:rsidRPr="00A94170" w:rsidRDefault="00C42388" w:rsidP="00CB1DAD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F61306" w:rsidRPr="00F61306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F61306" w:rsidRPr="00F61306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.Id_List_Service_Price_Displayed_Name</w:t>
            </w:r>
            <w:proofErr w:type="spellEnd"/>
            <w:r w:rsidR="00F61306" w:rsidRPr="00F61306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6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9088A4A" w14:textId="6072E376" w:rsidR="00C42388" w:rsidRPr="00A94170" w:rsidRDefault="00CC1D65" w:rsidP="00CB1DAD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</w:instrText>
            </w:r>
            <w:r w:rsidR="00C42388"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commisionsSoql_Commission_In_Percentage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.00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%</w:t>
            </w:r>
          </w:p>
        </w:tc>
        <w:tc>
          <w:tcPr>
            <w:tcW w:w="116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7AE162C" w14:textId="77777777" w:rsidR="00C42388" w:rsidRPr="00A94170" w:rsidRDefault="00C42388" w:rsidP="00CB1DAD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13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C954EEE" w14:textId="77777777" w:rsidR="00C42388" w:rsidRPr="00A94170" w:rsidRDefault="00C42388" w:rsidP="00CB1DAD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End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7E87CF26" w14:textId="6CC2ADBF" w:rsidR="00FD7552" w:rsidRDefault="00FD7552" w:rsidP="00FD7552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p w14:paraId="626C5004" w14:textId="77777777" w:rsidR="004D0CA9" w:rsidRPr="009D3F39" w:rsidRDefault="004D0CA9" w:rsidP="00FD755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1317"/>
        <w:gridCol w:w="1598"/>
        <w:gridCol w:w="1573"/>
        <w:gridCol w:w="1533"/>
        <w:gridCol w:w="1417"/>
        <w:gridCol w:w="1614"/>
      </w:tblGrid>
      <w:tr w:rsidR="00FD7552" w:rsidRPr="009D3F39" w14:paraId="4F6D6EA8" w14:textId="77777777" w:rsidTr="00D520E7"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2F223E8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alue Added Services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E585A97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E982E7D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F3C773C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Price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DB6FC28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Discount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FF46FB0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otal</w:t>
            </w:r>
          </w:p>
        </w:tc>
      </w:tr>
      <w:tr w:rsidR="009F5CDE" w:rsidRPr="009D3F39" w14:paraId="104097A5" w14:textId="77777777" w:rsidTr="00D520E7"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754FB3" w14:textId="77777777" w:rsidR="009F5CDE" w:rsidRPr="009D3F39" w:rsidRDefault="009F5CDE" w:rsidP="009F5CDE">
            <w:pPr>
              <w:spacing w:line="240" w:lineRule="auto"/>
              <w:jc w:val="both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43AF3F4" w14:textId="727F53BA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Nam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4ADB813" w14:textId="3D69D127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_Date</w:t>
            </w:r>
            <w:r w:rsidR="00D520E7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77B81FA" w14:textId="5668AF8D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End_Date</w:t>
            </w:r>
            <w:r w:rsidR="00D520E7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8361BD4" w14:textId="011B05DE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Listed_Pric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ED65CD8" w14:textId="67F9AA97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Discount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0B4B996" w14:textId="1D312311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Total_Amount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19065ADA" w14:textId="77777777" w:rsidR="00FD7552" w:rsidRPr="009D3F39" w:rsidRDefault="00FD7552" w:rsidP="00FD755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p w14:paraId="1B664F93" w14:textId="77777777" w:rsidR="00FD7552" w:rsidRPr="009D3F39" w:rsidRDefault="00FD7552" w:rsidP="00FD755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1452"/>
        <w:gridCol w:w="1857"/>
        <w:gridCol w:w="1826"/>
        <w:gridCol w:w="2062"/>
        <w:gridCol w:w="1855"/>
      </w:tblGrid>
      <w:tr w:rsidR="00FD7552" w:rsidRPr="009D3F39" w14:paraId="563EB5DF" w14:textId="77777777" w:rsidTr="003C042D">
        <w:trPr>
          <w:trHeight w:val="700"/>
        </w:trPr>
        <w:tc>
          <w:tcPr>
            <w:tcW w:w="97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F076FD4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Non-standard Terms </w:t>
            </w:r>
          </w:p>
        </w:tc>
        <w:tc>
          <w:tcPr>
            <w:tcW w:w="117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B59DF0D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114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1CEB0B1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42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15D4E44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erms &amp; conditions</w:t>
            </w:r>
          </w:p>
        </w:tc>
        <w:tc>
          <w:tcPr>
            <w:tcW w:w="127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39069FD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pecifications</w:t>
            </w:r>
          </w:p>
        </w:tc>
      </w:tr>
      <w:tr w:rsidR="009F5CDE" w:rsidRPr="009D3F39" w14:paraId="2CCA1A1F" w14:textId="77777777" w:rsidTr="003C042D">
        <w:tc>
          <w:tcPr>
            <w:tcW w:w="97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F31AF13" w14:textId="77777777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ED4173C" w14:textId="70163ED8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shd w:val="clear" w:color="auto" w:fill="EAD1DC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Nam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&gt;&gt; </w:t>
            </w:r>
          </w:p>
        </w:tc>
        <w:tc>
          <w:tcPr>
            <w:tcW w:w="117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98C2FDD" w14:textId="29F2E662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_Date</w:t>
            </w:r>
            <w:r w:rsidR="00D520E7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14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2150DAC" w14:textId="2A5838FB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End_Date</w:t>
            </w:r>
            <w:r w:rsidR="00D520E7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42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CBA57E6" w14:textId="022B011E" w:rsidR="009F5CDE" w:rsidRPr="009D3F39" w:rsidRDefault="003C042D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C042D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C042D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Contract_Addition</w:t>
            </w:r>
            <w:proofErr w:type="spellEnd"/>
            <w:r w:rsidRPr="003C042D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27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3CAF948" w14:textId="4159E93B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pecifications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6058DE5E" w14:textId="77777777" w:rsidR="00FD7552" w:rsidRPr="009D3F39" w:rsidRDefault="00FD7552" w:rsidP="00FD7552">
      <w:pPr>
        <w:spacing w:line="240" w:lineRule="auto"/>
        <w:rPr>
          <w:rFonts w:ascii="Avenir LT Std 35 Light" w:eastAsia="Avenir" w:hAnsi="Avenir LT Std 35 Light" w:cs="Avenir"/>
          <w:b/>
          <w:color w:val="0000FF"/>
          <w:sz w:val="16"/>
          <w:szCs w:val="16"/>
        </w:rPr>
      </w:pPr>
    </w:p>
    <w:p w14:paraId="594CA39F" w14:textId="77777777" w:rsidR="00FD7552" w:rsidRPr="009D3F39" w:rsidRDefault="00FD7552" w:rsidP="00FD755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p w14:paraId="68FFC713" w14:textId="7E768CE2" w:rsidR="006E2F73" w:rsidRDefault="006E2F73">
      <w:pPr>
        <w:spacing w:after="160" w:line="259" w:lineRule="auto"/>
      </w:pPr>
      <w:r>
        <w:br w:type="page"/>
      </w:r>
    </w:p>
    <w:tbl>
      <w:tblPr>
        <w:tblW w:w="5000" w:type="pct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ook w:val="0600" w:firstRow="0" w:lastRow="0" w:firstColumn="0" w:lastColumn="0" w:noHBand="1" w:noVBand="1"/>
      </w:tblPr>
      <w:tblGrid>
        <w:gridCol w:w="1377"/>
        <w:gridCol w:w="3747"/>
        <w:gridCol w:w="3932"/>
      </w:tblGrid>
      <w:tr w:rsidR="006E2F73" w:rsidRPr="00A94170" w14:paraId="298D312E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41B08E7" w14:textId="77777777" w:rsidR="006E2F73" w:rsidRPr="00A94170" w:rsidRDefault="006E2F73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bookmarkStart w:id="2" w:name="_Hlk31191515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t>Signature:</w:t>
            </w: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C314768" w14:textId="77777777" w:rsidR="006E2F73" w:rsidRPr="00512BFD" w:rsidRDefault="006E2F73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IGNED BY,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for and behalf of: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</w:t>
            </w:r>
          </w:p>
        </w:tc>
      </w:tr>
      <w:tr w:rsidR="006E2F73" w:rsidRPr="00A94170" w14:paraId="613C286E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8A487BB" w14:textId="77777777" w:rsidR="006E2F73" w:rsidRPr="00A94170" w:rsidRDefault="006E2F73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AF7D87D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1391F29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76D2304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  <w:p w14:paraId="20E50FFF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</w:t>
            </w:r>
          </w:p>
          <w:p w14:paraId="0EA35E51" w14:textId="77777777" w:rsidR="006E2F73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C65F124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5DE0AFE4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0FC8B86A" w14:textId="77777777" w:rsidR="006E2F73" w:rsidRDefault="006E2F73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uthorised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  </w:t>
            </w:r>
          </w:p>
          <w:p w14:paraId="22577448" w14:textId="77777777" w:rsidR="006E2F73" w:rsidRDefault="006E2F73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72D86B06" wp14:editId="738EBB7D">
                      <wp:simplePos x="0" y="0"/>
                      <wp:positionH relativeFrom="column">
                        <wp:posOffset>1661795</wp:posOffset>
                      </wp:positionH>
                      <wp:positionV relativeFrom="paragraph">
                        <wp:posOffset>167005</wp:posOffset>
                      </wp:positionV>
                      <wp:extent cx="513080" cy="352057"/>
                      <wp:effectExtent l="0" t="0" r="0" b="3810"/>
                      <wp:wrapNone/>
                      <wp:docPr id="4" name="Rectangle 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0A6CEDFD" w14:textId="77777777" w:rsidR="006E2F73" w:rsidRPr="00B05CDC" w:rsidRDefault="006E2F73" w:rsidP="006E2F73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B05CDC">
                                    <w:rPr>
                                      <w:color w:val="FFFFFF" w:themeColor="background1"/>
                                    </w:rPr>
                                    <w:t>\s2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72D86B06" id="Rectangle 4" o:spid="_x0000_s1026" style="position:absolute;left:0;text-align:left;margin-left:130.85pt;margin-top:13.15pt;width:40.4pt;height:27.7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" fillcolor="white [3212]" stroked="f" strokeweight="1pt">
                      <v:textbox>
                        <w:txbxContent>
                          <w:p w14:paraId="0A6CEDFD" w14:textId="77777777" w:rsidR="006E2F73" w:rsidRPr="00B05CDC" w:rsidRDefault="006E2F73" w:rsidP="006E2F73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B05CDC">
                              <w:rPr>
                                <w:color w:val="FFFFFF" w:themeColor="background1"/>
                              </w:rPr>
                              <w:t>\s2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1014A35C" w14:textId="77777777" w:rsidR="006E2F73" w:rsidRDefault="006E2F73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  <w:p w14:paraId="02CBB28E" w14:textId="77777777" w:rsidR="006E2F73" w:rsidRDefault="006E2F73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  <w:p w14:paraId="5B8D928E" w14:textId="77777777" w:rsidR="006E2F73" w:rsidRPr="00A94170" w:rsidRDefault="006E2F73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</w:tc>
      </w:tr>
      <w:tr w:rsidR="006E2F73" w:rsidRPr="00A94170" w14:paraId="7F6F252C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BE7E272" w14:textId="77777777" w:rsidR="006E2F73" w:rsidRPr="00A94170" w:rsidRDefault="006E2F73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9E70B20" w14:textId="77777777" w:rsidR="006E2F73" w:rsidRPr="005A29DE" w:rsidRDefault="006E2F73" w:rsidP="00EC44A5">
            <w:pPr>
              <w:jc w:val="center"/>
              <w:rPr>
                <w:rFonts w:ascii="Avenir Book" w:eastAsia="Avenir" w:hAnsi="Avenir Book" w:cs="Avenir"/>
                <w:sz w:val="16"/>
                <w:szCs w:val="16"/>
              </w:rPr>
            </w:pPr>
            <w:r w:rsidRPr="005A29DE">
              <w:rPr>
                <w:rFonts w:ascii="Avenir Book" w:eastAsia="Avenir" w:hAnsi="Avenir Book" w:cs="Avenir"/>
                <w:b/>
                <w:sz w:val="16"/>
                <w:szCs w:val="16"/>
              </w:rPr>
              <w:t>(SIGNED BY,</w:t>
            </w:r>
            <w:r w:rsidRPr="005A29DE">
              <w:rPr>
                <w:rFonts w:ascii="Avenir Book" w:eastAsia="Avenir" w:hAnsi="Avenir Book" w:cs="Avenir"/>
                <w:sz w:val="16"/>
                <w:szCs w:val="16"/>
              </w:rPr>
              <w:t xml:space="preserve"> for and behalf of:</w:t>
            </w:r>
          </w:p>
          <w:p w14:paraId="5FA2B10D" w14:textId="0C8A0420" w:rsidR="006E2F73" w:rsidRPr="00A94170" w:rsidRDefault="00654A80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6847C3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Foodpanda</w:t>
            </w:r>
            <w:proofErr w:type="spellEnd"/>
            <w:r w:rsidRPr="006847C3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Malaysia </w:t>
            </w:r>
            <w:proofErr w:type="spellStart"/>
            <w:r w:rsidRPr="006847C3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dn</w:t>
            </w:r>
            <w:proofErr w:type="spellEnd"/>
            <w:r w:rsidRPr="006847C3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Bhd</w:t>
            </w:r>
            <w:r w:rsidR="006E2F73" w:rsidRPr="005A29DE">
              <w:rPr>
                <w:rFonts w:ascii="Avenir Book" w:eastAsia="Avenir" w:hAnsi="Avenir Book" w:cs="Avenir"/>
                <w:b/>
                <w:bCs/>
                <w:sz w:val="16"/>
                <w:szCs w:val="16"/>
              </w:rPr>
              <w:t>.</w:t>
            </w:r>
            <w:r w:rsidR="006E2F73" w:rsidRPr="005A29DE">
              <w:rPr>
                <w:rFonts w:ascii="Avenir Book" w:eastAsia="Avenir" w:hAnsi="Avenir Book" w:cs="Avenir"/>
                <w:bCs/>
                <w:sz w:val="16"/>
                <w:szCs w:val="16"/>
              </w:rPr>
              <w:t>)</w:t>
            </w:r>
          </w:p>
        </w:tc>
      </w:tr>
      <w:tr w:rsidR="006E2F73" w:rsidRPr="00A94170" w14:paraId="4493BD78" w14:textId="77777777" w:rsidTr="00EC44A5">
        <w:trPr>
          <w:trHeight w:val="3057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5F206F0" w14:textId="77777777" w:rsidR="006E2F73" w:rsidRPr="00A94170" w:rsidRDefault="006E2F73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Signature:</w:t>
            </w:r>
          </w:p>
        </w:tc>
        <w:tc>
          <w:tcPr>
            <w:tcW w:w="2069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1010C11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7038AAB6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8F9ED58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37133218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7675967C" w14:textId="77777777" w:rsidR="006E2F73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>Managing Directo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r</w:t>
            </w:r>
          </w:p>
          <w:p w14:paraId="181B1619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622B8B15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3B8381D7" w14:textId="77777777" w:rsidR="006E2F73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uthorised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</w:t>
            </w:r>
          </w:p>
          <w:p w14:paraId="3F18ED72" w14:textId="77777777" w:rsidR="006E2F73" w:rsidRDefault="006E2F73" w:rsidP="00EC44A5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3A5A0E2C" w14:textId="0012D72D" w:rsidR="006E2F73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6E2F73">
              <w:rPr>
                <w:rFonts w:ascii="Avenir LT Std 35 Light" w:eastAsia="Avenir" w:hAnsi="Avenir LT Std 35 Light" w:cs="Avenir"/>
                <w:sz w:val="16"/>
                <w:szCs w:val="16"/>
              </w:rPr>
              <w:drawing>
                <wp:inline distT="0" distB="0" distL="0" distR="0" wp14:anchorId="2A5F0B64" wp14:editId="6DD58E9F">
                  <wp:extent cx="1000474" cy="480891"/>
                  <wp:effectExtent l="0" t="0" r="3175" b="1905"/>
                  <wp:docPr id="1" name="Picture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058740" cy="50889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2BDE8D12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217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3D6B246" w14:textId="77777777" w:rsidR="006E2F73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E81ECE4" w14:textId="77777777" w:rsidR="006E2F73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969A8EA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7581FAC9" w14:textId="77777777" w:rsidR="006E2F73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167EF2CC" w14:textId="77777777" w:rsidR="006E2F73" w:rsidRDefault="006E2F73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>Sales Representative</w:t>
            </w:r>
          </w:p>
          <w:p w14:paraId="1F3546AA" w14:textId="77777777" w:rsidR="006E2F73" w:rsidRDefault="006E2F73" w:rsidP="00EC44A5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59E4B755" w14:textId="77777777" w:rsidR="006E2F73" w:rsidRPr="00C13846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365A0DF9" w14:textId="77777777" w:rsidR="006E2F73" w:rsidRDefault="006E2F73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Authori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ed</w:t>
            </w:r>
            <w:proofErr w:type="spellEnd"/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</w:t>
            </w:r>
          </w:p>
          <w:p w14:paraId="37D6D7FC" w14:textId="77777777" w:rsidR="006E2F73" w:rsidRDefault="006E2F73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2336" behindDoc="0" locked="0" layoutInCell="1" allowOverlap="1" wp14:anchorId="24E19583" wp14:editId="7D318F17">
                      <wp:simplePos x="0" y="0"/>
                      <wp:positionH relativeFrom="column">
                        <wp:posOffset>430530</wp:posOffset>
                      </wp:positionH>
                      <wp:positionV relativeFrom="paragraph">
                        <wp:posOffset>141605</wp:posOffset>
                      </wp:positionV>
                      <wp:extent cx="513080" cy="352057"/>
                      <wp:effectExtent l="0" t="0" r="0" b="3810"/>
                      <wp:wrapNone/>
                      <wp:docPr id="22" name="Rectangle 2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6AED40EC" w14:textId="77777777" w:rsidR="006E2F73" w:rsidRPr="00341AA3" w:rsidRDefault="006E2F73" w:rsidP="006E2F73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341AA3">
                                    <w:rPr>
                                      <w:color w:val="FFFFFF" w:themeColor="background1"/>
                                    </w:rPr>
                                    <w:t>\s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24E19583" id="Rectangle 22" o:spid="_x0000_s1027" style="position:absolute;left:0;text-align:left;margin-left:33.9pt;margin-top:11.15pt;width:40.4pt;height:27.7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" fillcolor="white [3212]" stroked="f" strokeweight="1pt">
                      <v:textbox>
                        <w:txbxContent>
                          <w:p w14:paraId="6AED40EC" w14:textId="77777777" w:rsidR="006E2F73" w:rsidRPr="00341AA3" w:rsidRDefault="006E2F73" w:rsidP="006E2F73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341AA3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48289FCF" w14:textId="77777777" w:rsidR="006E2F73" w:rsidRPr="00A94170" w:rsidRDefault="006E2F73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5987AA0E" w14:textId="77777777" w:rsidR="006E2F73" w:rsidRPr="00A94170" w:rsidRDefault="006E2F73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</w:tr>
      <w:bookmarkEnd w:id="2"/>
    </w:tbl>
    <w:p w14:paraId="2507B19D" w14:textId="77777777" w:rsidR="00264E88" w:rsidRDefault="005D0AF9" w:rsidP="00FE7264">
      <w:pPr>
        <w:tabs>
          <w:tab w:val="left" w:pos="4896"/>
        </w:tabs>
      </w:pPr>
    </w:p>
    <w:sectPr w:rsidR="00264E88">
      <w:pgSz w:w="11906" w:h="16838"/>
      <w:pgMar w:top="1417" w:right="1417" w:bottom="1134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D6EBF22" w14:textId="77777777" w:rsidR="005D0AF9" w:rsidRDefault="005D0AF9" w:rsidP="00FD7552">
      <w:pPr>
        <w:spacing w:line="240" w:lineRule="auto"/>
      </w:pPr>
      <w:r>
        <w:separator/>
      </w:r>
    </w:p>
  </w:endnote>
  <w:endnote w:type="continuationSeparator" w:id="0">
    <w:p w14:paraId="5CBAF0AE" w14:textId="77777777" w:rsidR="005D0AF9" w:rsidRDefault="005D0AF9" w:rsidP="00FD7552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venir">
    <w:altName w:val="Calibri"/>
    <w:panose1 w:val="02000503020000020003"/>
    <w:charset w:val="00"/>
    <w:family w:val="auto"/>
    <w:pitch w:val="variable"/>
    <w:sig w:usb0="800000AF" w:usb1="5000204A" w:usb2="00000000" w:usb3="00000000" w:csb0="0000009B" w:csb1="00000000"/>
  </w:font>
  <w:font w:name="Avenir LT Std 35 Light">
    <w:panose1 w:val="020B0402020203020204"/>
    <w:charset w:val="4D"/>
    <w:family w:val="swiss"/>
    <w:pitch w:val="variable"/>
    <w:sig w:usb0="800000AF" w:usb1="5000204A" w:usb2="00000000" w:usb3="00000000" w:csb0="0000009B" w:csb1="00000000"/>
  </w:font>
  <w:font w:name="Avenir Book">
    <w:panose1 w:val="02000503020000020003"/>
    <w:charset w:val="00"/>
    <w:family w:val="auto"/>
    <w:pitch w:val="variable"/>
    <w:sig w:usb0="800000AF" w:usb1="5000204A" w:usb2="00000000" w:usb3="00000000" w:csb0="0000009B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1D32A2CD" w14:textId="77777777" w:rsidR="005D0AF9" w:rsidRDefault="005D0AF9" w:rsidP="00FD7552">
      <w:pPr>
        <w:spacing w:line="240" w:lineRule="auto"/>
      </w:pPr>
      <w:r>
        <w:separator/>
      </w:r>
    </w:p>
  </w:footnote>
  <w:footnote w:type="continuationSeparator" w:id="0">
    <w:p w14:paraId="18F7C428" w14:textId="77777777" w:rsidR="005D0AF9" w:rsidRDefault="005D0AF9" w:rsidP="00FD7552">
      <w:pPr>
        <w:spacing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33854615"/>
    <w:multiLevelType w:val="multilevel"/>
    <w:tmpl w:val="BAC21BCC"/>
    <w:lvl w:ilvl="0">
      <w:start w:val="1"/>
      <w:numFmt w:val="decimal"/>
      <w:lvlText w:val="%1."/>
      <w:lvlJc w:val="left"/>
      <w:pPr>
        <w:ind w:left="1350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2070" w:hanging="360"/>
      </w:pPr>
      <w:rPr>
        <w:u w:val="none"/>
      </w:rPr>
    </w:lvl>
    <w:lvl w:ilvl="2">
      <w:start w:val="1"/>
      <w:numFmt w:val="lowerRoman"/>
      <w:lvlText w:val="%3."/>
      <w:lvlJc w:val="right"/>
      <w:pPr>
        <w:ind w:left="2790" w:hanging="360"/>
      </w:pPr>
      <w:rPr>
        <w:u w:val="none"/>
      </w:rPr>
    </w:lvl>
    <w:lvl w:ilvl="3">
      <w:start w:val="1"/>
      <w:numFmt w:val="decimal"/>
      <w:lvlText w:val="%4."/>
      <w:lvlJc w:val="left"/>
      <w:pPr>
        <w:ind w:left="3510" w:hanging="360"/>
      </w:pPr>
      <w:rPr>
        <w:u w:val="none"/>
      </w:rPr>
    </w:lvl>
    <w:lvl w:ilvl="4">
      <w:start w:val="1"/>
      <w:numFmt w:val="lowerLetter"/>
      <w:lvlText w:val="%5."/>
      <w:lvlJc w:val="left"/>
      <w:pPr>
        <w:ind w:left="4230" w:hanging="360"/>
      </w:pPr>
      <w:rPr>
        <w:u w:val="none"/>
      </w:rPr>
    </w:lvl>
    <w:lvl w:ilvl="5">
      <w:start w:val="1"/>
      <w:numFmt w:val="lowerRoman"/>
      <w:lvlText w:val="%6."/>
      <w:lvlJc w:val="right"/>
      <w:pPr>
        <w:ind w:left="4950" w:hanging="360"/>
      </w:pPr>
      <w:rPr>
        <w:u w:val="none"/>
      </w:rPr>
    </w:lvl>
    <w:lvl w:ilvl="6">
      <w:start w:val="1"/>
      <w:numFmt w:val="decimal"/>
      <w:lvlText w:val="%7."/>
      <w:lvlJc w:val="left"/>
      <w:pPr>
        <w:ind w:left="5670" w:hanging="360"/>
      </w:pPr>
      <w:rPr>
        <w:u w:val="none"/>
      </w:rPr>
    </w:lvl>
    <w:lvl w:ilvl="7">
      <w:start w:val="1"/>
      <w:numFmt w:val="lowerLetter"/>
      <w:lvlText w:val="%8."/>
      <w:lvlJc w:val="left"/>
      <w:pPr>
        <w:ind w:left="6390" w:hanging="360"/>
      </w:pPr>
      <w:rPr>
        <w:u w:val="none"/>
      </w:rPr>
    </w:lvl>
    <w:lvl w:ilvl="8">
      <w:start w:val="1"/>
      <w:numFmt w:val="lowerRoman"/>
      <w:lvlText w:val="%9."/>
      <w:lvlJc w:val="right"/>
      <w:pPr>
        <w:ind w:left="7110" w:hanging="360"/>
      </w:pPr>
      <w:rPr>
        <w:u w:val="none"/>
      </w:rPr>
    </w:lvl>
  </w:abstractNum>
  <w:abstractNum w:abstractNumId="1" w15:restartNumberingAfterBreak="0">
    <w:nsid w:val="4D056F78"/>
    <w:multiLevelType w:val="hybridMultilevel"/>
    <w:tmpl w:val="F35A77A0"/>
    <w:lvl w:ilvl="0" w:tplc="2166BDC0">
      <w:start w:val="1"/>
      <w:numFmt w:val="decimal"/>
      <w:lvlText w:val="%1."/>
      <w:lvlJc w:val="left"/>
      <w:pPr>
        <w:ind w:left="45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170" w:hanging="360"/>
      </w:pPr>
    </w:lvl>
    <w:lvl w:ilvl="2" w:tplc="0407001B" w:tentative="1">
      <w:start w:val="1"/>
      <w:numFmt w:val="lowerRoman"/>
      <w:lvlText w:val="%3."/>
      <w:lvlJc w:val="right"/>
      <w:pPr>
        <w:ind w:left="1890" w:hanging="180"/>
      </w:pPr>
    </w:lvl>
    <w:lvl w:ilvl="3" w:tplc="0407000F" w:tentative="1">
      <w:start w:val="1"/>
      <w:numFmt w:val="decimal"/>
      <w:lvlText w:val="%4."/>
      <w:lvlJc w:val="left"/>
      <w:pPr>
        <w:ind w:left="2610" w:hanging="360"/>
      </w:pPr>
    </w:lvl>
    <w:lvl w:ilvl="4" w:tplc="04070019" w:tentative="1">
      <w:start w:val="1"/>
      <w:numFmt w:val="lowerLetter"/>
      <w:lvlText w:val="%5."/>
      <w:lvlJc w:val="left"/>
      <w:pPr>
        <w:ind w:left="3330" w:hanging="360"/>
      </w:pPr>
    </w:lvl>
    <w:lvl w:ilvl="5" w:tplc="0407001B" w:tentative="1">
      <w:start w:val="1"/>
      <w:numFmt w:val="lowerRoman"/>
      <w:lvlText w:val="%6."/>
      <w:lvlJc w:val="right"/>
      <w:pPr>
        <w:ind w:left="4050" w:hanging="180"/>
      </w:pPr>
    </w:lvl>
    <w:lvl w:ilvl="6" w:tplc="0407000F" w:tentative="1">
      <w:start w:val="1"/>
      <w:numFmt w:val="decimal"/>
      <w:lvlText w:val="%7."/>
      <w:lvlJc w:val="left"/>
      <w:pPr>
        <w:ind w:left="4770" w:hanging="360"/>
      </w:pPr>
    </w:lvl>
    <w:lvl w:ilvl="7" w:tplc="04070019" w:tentative="1">
      <w:start w:val="1"/>
      <w:numFmt w:val="lowerLetter"/>
      <w:lvlText w:val="%8."/>
      <w:lvlJc w:val="left"/>
      <w:pPr>
        <w:ind w:left="5490" w:hanging="360"/>
      </w:pPr>
    </w:lvl>
    <w:lvl w:ilvl="8" w:tplc="0407001B" w:tentative="1">
      <w:start w:val="1"/>
      <w:numFmt w:val="lowerRoman"/>
      <w:lvlText w:val="%9."/>
      <w:lvlJc w:val="right"/>
      <w:pPr>
        <w:ind w:left="621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44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4048B"/>
    <w:rsid w:val="00065D0E"/>
    <w:rsid w:val="0008139C"/>
    <w:rsid w:val="000B0D97"/>
    <w:rsid w:val="000B106A"/>
    <w:rsid w:val="000D6130"/>
    <w:rsid w:val="001568C6"/>
    <w:rsid w:val="001B1FB9"/>
    <w:rsid w:val="00252CA8"/>
    <w:rsid w:val="0027598B"/>
    <w:rsid w:val="002E15E0"/>
    <w:rsid w:val="003248FC"/>
    <w:rsid w:val="00327CD4"/>
    <w:rsid w:val="00365DA2"/>
    <w:rsid w:val="003954A2"/>
    <w:rsid w:val="003A62DE"/>
    <w:rsid w:val="003C042D"/>
    <w:rsid w:val="003D190B"/>
    <w:rsid w:val="00402FDF"/>
    <w:rsid w:val="00431755"/>
    <w:rsid w:val="0045137C"/>
    <w:rsid w:val="00460B94"/>
    <w:rsid w:val="0047210D"/>
    <w:rsid w:val="004B09AF"/>
    <w:rsid w:val="004C0459"/>
    <w:rsid w:val="004C3034"/>
    <w:rsid w:val="004D0CA9"/>
    <w:rsid w:val="004E77B3"/>
    <w:rsid w:val="004F6E7E"/>
    <w:rsid w:val="005154FF"/>
    <w:rsid w:val="00552513"/>
    <w:rsid w:val="00566DDC"/>
    <w:rsid w:val="00580656"/>
    <w:rsid w:val="005D0AF9"/>
    <w:rsid w:val="005E5EFC"/>
    <w:rsid w:val="00627696"/>
    <w:rsid w:val="00654A80"/>
    <w:rsid w:val="00676442"/>
    <w:rsid w:val="006E2F73"/>
    <w:rsid w:val="00721963"/>
    <w:rsid w:val="00721DAB"/>
    <w:rsid w:val="007337CE"/>
    <w:rsid w:val="0076525C"/>
    <w:rsid w:val="00782660"/>
    <w:rsid w:val="007B1A90"/>
    <w:rsid w:val="007C1C2E"/>
    <w:rsid w:val="008218F2"/>
    <w:rsid w:val="0084048B"/>
    <w:rsid w:val="008A17B4"/>
    <w:rsid w:val="008B69D6"/>
    <w:rsid w:val="008C4E31"/>
    <w:rsid w:val="008E1EA0"/>
    <w:rsid w:val="0090591B"/>
    <w:rsid w:val="00910941"/>
    <w:rsid w:val="00913F51"/>
    <w:rsid w:val="00920CA4"/>
    <w:rsid w:val="00921FF8"/>
    <w:rsid w:val="00984581"/>
    <w:rsid w:val="009D3F39"/>
    <w:rsid w:val="009E4102"/>
    <w:rsid w:val="009F5CDE"/>
    <w:rsid w:val="00A31442"/>
    <w:rsid w:val="00A41009"/>
    <w:rsid w:val="00A46A5E"/>
    <w:rsid w:val="00B226CF"/>
    <w:rsid w:val="00C03ACE"/>
    <w:rsid w:val="00C13846"/>
    <w:rsid w:val="00C42388"/>
    <w:rsid w:val="00C45AD6"/>
    <w:rsid w:val="00C67BEE"/>
    <w:rsid w:val="00C87892"/>
    <w:rsid w:val="00CC1D65"/>
    <w:rsid w:val="00CE4F92"/>
    <w:rsid w:val="00D11FBC"/>
    <w:rsid w:val="00D520E7"/>
    <w:rsid w:val="00D97710"/>
    <w:rsid w:val="00DD6E76"/>
    <w:rsid w:val="00DF4623"/>
    <w:rsid w:val="00E2174C"/>
    <w:rsid w:val="00EE496F"/>
    <w:rsid w:val="00EF0C23"/>
    <w:rsid w:val="00F43770"/>
    <w:rsid w:val="00F61306"/>
    <w:rsid w:val="00FC54C5"/>
    <w:rsid w:val="00FD388A"/>
    <w:rsid w:val="00FD7552"/>
    <w:rsid w:val="00FE726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,"/>
  <w14:docId w14:val="69812644"/>
  <w15:chartTrackingRefBased/>
  <w15:docId w15:val="{3A3F9F8D-F0C3-4F47-8AFC-7BD76757CDE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7552"/>
    <w:pPr>
      <w:spacing w:after="0" w:line="276" w:lineRule="auto"/>
    </w:pPr>
    <w:rPr>
      <w:rFonts w:ascii="Arial" w:eastAsia="Arial" w:hAnsi="Arial" w:cs="Arial"/>
      <w:lang w:val="en" w:eastAsia="de-DE"/>
    </w:rPr>
  </w:style>
  <w:style w:type="paragraph" w:styleId="Heading1">
    <w:name w:val="heading 1"/>
    <w:basedOn w:val="Normal"/>
    <w:next w:val="Normal"/>
    <w:link w:val="Heading1Char"/>
    <w:uiPriority w:val="9"/>
    <w:qFormat/>
    <w:rsid w:val="00FD7552"/>
    <w:pPr>
      <w:keepNext/>
      <w:keepLines/>
      <w:spacing w:before="400" w:after="120"/>
      <w:outlineLvl w:val="0"/>
    </w:pPr>
    <w:rPr>
      <w:sz w:val="40"/>
      <w:szCs w:val="4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FD7552"/>
    <w:rPr>
      <w:rFonts w:ascii="Arial" w:eastAsia="Arial" w:hAnsi="Arial" w:cs="Arial"/>
      <w:sz w:val="40"/>
      <w:szCs w:val="40"/>
      <w:lang w:val="en" w:eastAsia="de-DE"/>
    </w:rPr>
  </w:style>
  <w:style w:type="paragraph" w:styleId="ListParagraph">
    <w:name w:val="List Paragraph"/>
    <w:basedOn w:val="Normal"/>
    <w:uiPriority w:val="34"/>
    <w:qFormat/>
    <w:rsid w:val="007B1A90"/>
    <w:pPr>
      <w:ind w:left="720"/>
      <w:contextualSpacing/>
    </w:pPr>
  </w:style>
  <w:style w:type="paragraph" w:styleId="NoSpacing">
    <w:name w:val="No Spacing"/>
    <w:uiPriority w:val="1"/>
    <w:qFormat/>
    <w:rsid w:val="007B1A90"/>
    <w:pPr>
      <w:spacing w:after="0" w:line="240" w:lineRule="auto"/>
    </w:pPr>
    <w:rPr>
      <w:rFonts w:ascii="Arial" w:eastAsia="Arial" w:hAnsi="Arial" w:cs="Arial"/>
      <w:lang w:val="en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0090671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</TotalTime>
  <Pages>7</Pages>
  <Words>574</Words>
  <Characters>3275</Characters>
  <Application>Microsoft Office Word</Application>
  <DocSecurity>0</DocSecurity>
  <Lines>27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8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hravya Rama</dc:creator>
  <cp:keywords/>
  <dc:description/>
  <cp:lastModifiedBy>Mantas Jurkūnas</cp:lastModifiedBy>
  <cp:revision>53</cp:revision>
  <dcterms:created xsi:type="dcterms:W3CDTF">2019-09-12T14:18:00Z</dcterms:created>
  <dcterms:modified xsi:type="dcterms:W3CDTF">2020-05-19T07:02:00Z</dcterms:modified>
</cp:coreProperties>
</file>